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2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0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1" uniqueCount="29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ｍ3</t>
  </si>
  <si>
    <t>砕石０～４０ｍｍ</t>
  </si>
  <si>
    <t>舗装補修</t>
  </si>
  <si>
    <t>ｔ</t>
  </si>
  <si>
    <t>細粒度アスコン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舗装補修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２０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5" xfId="0" applyNumberFormat="1" applyFont="1" applyBorder="1" applyAlignment="1">
      <alignment horizontal="center"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5" xfId="0" applyFont="1" applyBorder="1" applyAlignment="1">
      <alignment horizontal="center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10" xfId="0" applyNumberFormat="1" applyFont="1" applyBorder="1" applyAlignment="1">
      <alignment horizontal="righ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2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0" fontId="8" fillId="0" borderId="14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left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17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17" xfId="0" applyNumberFormat="1" applyFont="1" applyBorder="1" applyAlignment="1">
      <alignment horizontal="left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1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2" xfId="1" applyFont="1" applyBorder="1" applyAlignment="1">
      <alignment vertical="center" wrapText="1"/>
    </xf>
    <xf numFmtId="0" fontId="5" fillId="0" borderId="2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6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3" xfId="1" applyNumberFormat="1" applyFont="1" applyBorder="1" applyAlignment="1">
      <alignment vertical="center" shrinkToFit="1"/>
    </xf>
    <xf numFmtId="177" fontId="2" fillId="0" borderId="16" xfId="0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10" xfId="1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2"/>
      <c r="B1" s="57"/>
      <c r="C1" s="57"/>
      <c r="D1" s="57"/>
      <c r="E1" s="50"/>
      <c r="F1" s="51"/>
      <c r="G1" s="50"/>
      <c r="H1" s="49" t="s">
        <v>28</v>
      </c>
    </row>
    <row r="2" spans="1:10" ht="6.75" customHeight="1" x14ac:dyDescent="0.15">
      <c r="B2" s="48"/>
      <c r="C2" s="48"/>
      <c r="D2" s="46"/>
      <c r="E2" s="46"/>
      <c r="F2" s="47"/>
      <c r="G2" s="46"/>
      <c r="H2" s="46"/>
    </row>
    <row r="3" spans="1:10" ht="38.25" customHeight="1" x14ac:dyDescent="0.15">
      <c r="A3" s="58" t="s">
        <v>27</v>
      </c>
      <c r="B3" s="58"/>
      <c r="C3" s="58"/>
      <c r="D3" s="58"/>
      <c r="E3" s="58"/>
      <c r="F3" s="58"/>
      <c r="G3" s="58"/>
      <c r="H3" s="58"/>
    </row>
    <row r="4" spans="1:10" ht="12.75" customHeight="1" thickBot="1" x14ac:dyDescent="0.2">
      <c r="A4" s="40"/>
      <c r="B4" s="40"/>
      <c r="C4" s="40"/>
      <c r="D4" s="40"/>
      <c r="E4" s="40"/>
      <c r="F4" s="40"/>
      <c r="G4" s="40"/>
      <c r="H4" s="40"/>
    </row>
    <row r="5" spans="1:10" ht="38.25" customHeight="1" thickBot="1" x14ac:dyDescent="0.2">
      <c r="A5" s="45"/>
      <c r="B5" s="44" t="s">
        <v>26</v>
      </c>
      <c r="C5" s="59"/>
      <c r="D5" s="59"/>
      <c r="E5" s="59"/>
      <c r="F5" s="59"/>
      <c r="G5" s="43" t="s">
        <v>25</v>
      </c>
      <c r="H5" s="40"/>
      <c r="J5" s="42" t="s">
        <v>24</v>
      </c>
    </row>
    <row r="6" spans="1:10" ht="12.75" customHeight="1" x14ac:dyDescent="0.15">
      <c r="A6" s="41"/>
      <c r="B6" s="41"/>
      <c r="C6" s="41"/>
      <c r="D6" s="41"/>
      <c r="E6" s="41"/>
      <c r="F6" s="41"/>
      <c r="G6" s="41"/>
      <c r="H6" s="40"/>
    </row>
    <row r="7" spans="1:10" ht="36.75" customHeight="1" x14ac:dyDescent="0.15">
      <c r="A7" s="7"/>
      <c r="B7" s="60" t="s">
        <v>23</v>
      </c>
      <c r="C7" s="60"/>
      <c r="D7" s="60"/>
      <c r="H7" s="39"/>
    </row>
    <row r="8" spans="1:10" ht="24.95" customHeight="1" x14ac:dyDescent="0.15">
      <c r="A8" s="61" t="s">
        <v>22</v>
      </c>
      <c r="B8" s="62"/>
      <c r="C8" s="61" t="s">
        <v>21</v>
      </c>
      <c r="D8" s="62"/>
      <c r="E8" s="38" t="s">
        <v>20</v>
      </c>
      <c r="F8" s="36" t="s">
        <v>19</v>
      </c>
      <c r="G8" s="37" t="s">
        <v>18</v>
      </c>
      <c r="H8" s="36" t="s">
        <v>17</v>
      </c>
    </row>
    <row r="9" spans="1:10" ht="24.95" customHeight="1" x14ac:dyDescent="0.15">
      <c r="A9" s="19">
        <v>1</v>
      </c>
      <c r="B9" s="35" t="s">
        <v>14</v>
      </c>
      <c r="C9" s="21">
        <v>1</v>
      </c>
      <c r="D9" s="34" t="s">
        <v>16</v>
      </c>
      <c r="E9" s="33" t="s">
        <v>15</v>
      </c>
      <c r="F9" s="15">
        <v>60</v>
      </c>
      <c r="G9" s="63"/>
      <c r="H9" s="64"/>
    </row>
    <row r="10" spans="1:10" ht="24.95" customHeight="1" x14ac:dyDescent="0.15">
      <c r="A10" s="19">
        <v>1</v>
      </c>
      <c r="B10" s="18" t="s">
        <v>14</v>
      </c>
      <c r="C10" s="16">
        <v>2</v>
      </c>
      <c r="D10" s="17" t="s">
        <v>13</v>
      </c>
      <c r="E10" s="32" t="s">
        <v>12</v>
      </c>
      <c r="F10" s="15">
        <v>6</v>
      </c>
      <c r="G10" s="65"/>
      <c r="H10" s="64"/>
    </row>
    <row r="11" spans="1:10" ht="24.95" customHeight="1" x14ac:dyDescent="0.15">
      <c r="A11" s="19"/>
      <c r="B11" s="18"/>
      <c r="C11" s="16"/>
      <c r="D11" s="17"/>
      <c r="E11" s="32"/>
      <c r="F11" s="15"/>
      <c r="G11" s="65"/>
      <c r="H11" s="64"/>
    </row>
    <row r="12" spans="1:10" ht="24.95" customHeight="1" x14ac:dyDescent="0.15">
      <c r="A12" s="19"/>
      <c r="B12" s="18"/>
      <c r="C12" s="16"/>
      <c r="D12" s="17"/>
      <c r="E12" s="32"/>
      <c r="F12" s="15"/>
      <c r="G12" s="65"/>
      <c r="H12" s="64"/>
    </row>
    <row r="13" spans="1:10" ht="24.95" customHeight="1" x14ac:dyDescent="0.15">
      <c r="A13" s="14"/>
      <c r="B13" s="13"/>
      <c r="C13" s="12"/>
      <c r="D13" s="26"/>
      <c r="E13" s="31"/>
      <c r="F13" s="11"/>
      <c r="G13" s="66"/>
      <c r="H13" s="67"/>
    </row>
    <row r="14" spans="1:10" ht="24.95" customHeight="1" x14ac:dyDescent="0.15">
      <c r="A14" s="19"/>
      <c r="B14" s="24"/>
      <c r="C14" s="23"/>
      <c r="D14" s="22"/>
      <c r="E14" s="28"/>
      <c r="F14" s="20"/>
      <c r="G14" s="68"/>
      <c r="H14" s="69"/>
    </row>
    <row r="15" spans="1:10" ht="24.95" customHeight="1" x14ac:dyDescent="0.15">
      <c r="A15" s="19"/>
      <c r="B15" s="18"/>
      <c r="C15" s="16"/>
      <c r="D15" s="17"/>
      <c r="E15" s="32"/>
      <c r="F15" s="15"/>
      <c r="G15" s="70"/>
      <c r="H15" s="64"/>
    </row>
    <row r="16" spans="1:10" ht="24.95" customHeight="1" x14ac:dyDescent="0.15">
      <c r="A16" s="19"/>
      <c r="B16" s="18"/>
      <c r="C16" s="16"/>
      <c r="D16" s="17"/>
      <c r="E16" s="32"/>
      <c r="F16" s="15"/>
      <c r="G16" s="65"/>
      <c r="H16" s="64"/>
    </row>
    <row r="17" spans="1:8" ht="24.95" customHeight="1" x14ac:dyDescent="0.15">
      <c r="A17" s="19"/>
      <c r="B17" s="18"/>
      <c r="C17" s="16"/>
      <c r="D17" s="17"/>
      <c r="E17" s="32"/>
      <c r="F17" s="15"/>
      <c r="G17" s="65"/>
      <c r="H17" s="64"/>
    </row>
    <row r="18" spans="1:8" ht="24.95" customHeight="1" x14ac:dyDescent="0.15">
      <c r="A18" s="14"/>
      <c r="B18" s="13"/>
      <c r="C18" s="12"/>
      <c r="D18" s="26"/>
      <c r="E18" s="31"/>
      <c r="F18" s="11"/>
      <c r="G18" s="71"/>
      <c r="H18" s="72"/>
    </row>
    <row r="19" spans="1:8" ht="24.95" customHeight="1" x14ac:dyDescent="0.15">
      <c r="A19" s="19"/>
      <c r="B19" s="24"/>
      <c r="C19" s="23"/>
      <c r="D19" s="22"/>
      <c r="E19" s="28"/>
      <c r="F19" s="20"/>
      <c r="G19" s="70"/>
      <c r="H19" s="73"/>
    </row>
    <row r="20" spans="1:8" ht="24.95" customHeight="1" x14ac:dyDescent="0.15">
      <c r="A20" s="19"/>
      <c r="B20" s="18"/>
      <c r="C20" s="16"/>
      <c r="D20" s="17"/>
      <c r="E20" s="32"/>
      <c r="F20" s="15"/>
      <c r="G20" s="65"/>
      <c r="H20" s="64"/>
    </row>
    <row r="21" spans="1:8" ht="24.95" customHeight="1" x14ac:dyDescent="0.15">
      <c r="A21" s="19"/>
      <c r="B21" s="18"/>
      <c r="C21" s="16"/>
      <c r="D21" s="17"/>
      <c r="E21" s="32"/>
      <c r="F21" s="15"/>
      <c r="G21" s="65"/>
      <c r="H21" s="64"/>
    </row>
    <row r="22" spans="1:8" ht="24.95" customHeight="1" x14ac:dyDescent="0.15">
      <c r="A22" s="19"/>
      <c r="B22" s="18"/>
      <c r="C22" s="16"/>
      <c r="D22" s="17"/>
      <c r="E22" s="32"/>
      <c r="F22" s="15"/>
      <c r="G22" s="65"/>
      <c r="H22" s="64"/>
    </row>
    <row r="23" spans="1:8" ht="24.95" customHeight="1" x14ac:dyDescent="0.15">
      <c r="A23" s="14"/>
      <c r="B23" s="13"/>
      <c r="C23" s="12"/>
      <c r="D23" s="26"/>
      <c r="E23" s="31"/>
      <c r="F23" s="11"/>
      <c r="G23" s="66"/>
      <c r="H23" s="67"/>
    </row>
    <row r="24" spans="1:8" ht="24.95" customHeight="1" x14ac:dyDescent="0.15">
      <c r="A24" s="19"/>
      <c r="B24" s="24"/>
      <c r="C24" s="23"/>
      <c r="D24" s="22"/>
      <c r="E24" s="30"/>
      <c r="F24" s="20"/>
      <c r="G24" s="74"/>
      <c r="H24" s="69"/>
    </row>
    <row r="25" spans="1:8" ht="24.95" customHeight="1" x14ac:dyDescent="0.15">
      <c r="A25" s="19"/>
      <c r="B25" s="18"/>
      <c r="C25" s="16"/>
      <c r="D25" s="29"/>
      <c r="E25" s="28"/>
      <c r="F25" s="15"/>
      <c r="G25" s="65"/>
      <c r="H25" s="64"/>
    </row>
    <row r="26" spans="1:8" ht="24.95" customHeight="1" x14ac:dyDescent="0.15">
      <c r="A26" s="19"/>
      <c r="B26" s="18"/>
      <c r="C26" s="16"/>
      <c r="D26" s="17"/>
      <c r="E26" s="16"/>
      <c r="F26" s="15"/>
      <c r="G26" s="65"/>
      <c r="H26" s="64"/>
    </row>
    <row r="27" spans="1:8" ht="24.95" customHeight="1" x14ac:dyDescent="0.15">
      <c r="A27" s="19"/>
      <c r="B27" s="18"/>
      <c r="C27" s="16"/>
      <c r="D27" s="17"/>
      <c r="E27" s="16"/>
      <c r="F27" s="15"/>
      <c r="G27" s="65"/>
      <c r="H27" s="64"/>
    </row>
    <row r="28" spans="1:8" ht="24.95" customHeight="1" x14ac:dyDescent="0.15">
      <c r="A28" s="14"/>
      <c r="B28" s="13"/>
      <c r="C28" s="12"/>
      <c r="D28" s="27"/>
      <c r="E28" s="12"/>
      <c r="F28" s="11"/>
      <c r="G28" s="71"/>
      <c r="H28" s="72"/>
    </row>
    <row r="29" spans="1:8" ht="24.95" customHeight="1" x14ac:dyDescent="0.15">
      <c r="A29" s="19"/>
      <c r="B29" s="24"/>
      <c r="C29" s="23"/>
      <c r="D29" s="22"/>
      <c r="E29" s="23"/>
      <c r="F29" s="20"/>
      <c r="G29" s="70"/>
      <c r="H29" s="73"/>
    </row>
    <row r="30" spans="1:8" ht="24.95" customHeight="1" x14ac:dyDescent="0.15">
      <c r="A30" s="19"/>
      <c r="B30" s="18"/>
      <c r="C30" s="16"/>
      <c r="D30" s="17"/>
      <c r="E30" s="16"/>
      <c r="F30" s="15"/>
      <c r="G30" s="65"/>
      <c r="H30" s="64"/>
    </row>
    <row r="31" spans="1:8" ht="24.95" customHeight="1" x14ac:dyDescent="0.15">
      <c r="A31" s="19"/>
      <c r="B31" s="18"/>
      <c r="C31" s="16"/>
      <c r="D31" s="17"/>
      <c r="E31" s="16"/>
      <c r="F31" s="15"/>
      <c r="G31" s="65"/>
      <c r="H31" s="64"/>
    </row>
    <row r="32" spans="1:8" ht="24.95" customHeight="1" x14ac:dyDescent="0.15">
      <c r="A32" s="19"/>
      <c r="B32" s="18"/>
      <c r="C32" s="16"/>
      <c r="D32" s="17"/>
      <c r="E32" s="16"/>
      <c r="F32" s="15"/>
      <c r="G32" s="65"/>
      <c r="H32" s="64"/>
    </row>
    <row r="33" spans="1:8" ht="24.95" customHeight="1" x14ac:dyDescent="0.15">
      <c r="A33" s="14"/>
      <c r="B33" s="13"/>
      <c r="C33" s="12"/>
      <c r="D33" s="26"/>
      <c r="E33" s="25"/>
      <c r="F33" s="11"/>
      <c r="G33" s="66"/>
      <c r="H33" s="67"/>
    </row>
    <row r="34" spans="1:8" ht="24.95" customHeight="1" x14ac:dyDescent="0.15">
      <c r="A34" s="19"/>
      <c r="B34" s="24"/>
      <c r="C34" s="23"/>
      <c r="D34" s="22"/>
      <c r="E34" s="21"/>
      <c r="F34" s="20"/>
      <c r="G34" s="74"/>
      <c r="H34" s="69"/>
    </row>
    <row r="35" spans="1:8" ht="24.95" customHeight="1" x14ac:dyDescent="0.15">
      <c r="A35" s="19"/>
      <c r="B35" s="18"/>
      <c r="C35" s="16"/>
      <c r="D35" s="17"/>
      <c r="E35" s="16"/>
      <c r="F35" s="15"/>
      <c r="G35" s="65"/>
      <c r="H35" s="64"/>
    </row>
    <row r="36" spans="1:8" ht="24.95" customHeight="1" x14ac:dyDescent="0.15">
      <c r="A36" s="19"/>
      <c r="B36" s="18"/>
      <c r="C36" s="16"/>
      <c r="D36" s="17"/>
      <c r="E36" s="16"/>
      <c r="F36" s="15"/>
      <c r="G36" s="65"/>
      <c r="H36" s="64"/>
    </row>
    <row r="37" spans="1:8" ht="24.95" customHeight="1" x14ac:dyDescent="0.15">
      <c r="A37" s="19"/>
      <c r="B37" s="18"/>
      <c r="C37" s="16"/>
      <c r="D37" s="17"/>
      <c r="E37" s="16"/>
      <c r="F37" s="15"/>
      <c r="G37" s="65"/>
      <c r="H37" s="64"/>
    </row>
    <row r="38" spans="1:8" ht="24.95" customHeight="1" thickBot="1" x14ac:dyDescent="0.2">
      <c r="A38" s="14"/>
      <c r="B38" s="13"/>
      <c r="C38" s="12"/>
      <c r="D38" s="13"/>
      <c r="E38" s="12"/>
      <c r="F38" s="11"/>
      <c r="G38" s="71"/>
      <c r="H38" s="72"/>
    </row>
    <row r="39" spans="1:8" ht="24.95" customHeight="1" thickBot="1" x14ac:dyDescent="0.2">
      <c r="A39" s="54" t="s">
        <v>11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53" t="s">
        <v>1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0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0</vt:lpstr>
      <vt:lpstr>'220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49:31Z</dcterms:created>
  <dcterms:modified xsi:type="dcterms:W3CDTF">2022-03-01T11:57:22Z</dcterms:modified>
</cp:coreProperties>
</file>